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19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i9706089\Desktop\2022(R4)\02完了分\第2章 人口\02公表用（改定有）\"/>
    </mc:Choice>
  </mc:AlternateContent>
  <xr:revisionPtr revIDLastSave="0" documentId="13_ncr:1_{77C52502-DA4D-41FB-82B6-E0FA6A85799D}" xr6:coauthVersionLast="44" xr6:coauthVersionMax="44" xr10:uidLastSave="{00000000-0000-0000-0000-000000000000}"/>
  <bookViews>
    <workbookView xWindow="-108" yWindow="-108" windowWidth="23256" windowHeight="12576" xr2:uid="{00000000-000D-0000-FFFF-FFFF00000000}"/>
  </bookViews>
  <sheets>
    <sheet name="13．常住人口・昼間人口" sheetId="1" r:id="rId1"/>
  </sheets>
  <definedNames>
    <definedName name="_xlnm._FilterDatabase" localSheetId="0" hidden="1">'13．常住人口・昼間人口'!$A$4:$O$4</definedName>
    <definedName name="_xlnm.Print_Area" localSheetId="0">'13．常住人口・昼間人口'!$A$1:$O$40</definedName>
    <definedName name="_xlnm.Print_Titles" localSheetId="0">'13．常住人口・昼間人口'!$1:$4</definedName>
  </definedNames>
  <calcPr calcId="171027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79" uniqueCount="43">
  <si>
    <t>西歴</t>
    <rPh sb="0" eb="1">
      <t>ニシ</t>
    </rPh>
    <rPh sb="1" eb="2">
      <t>レキ</t>
    </rPh>
    <phoneticPr fontId="3"/>
  </si>
  <si>
    <t>和歴</t>
    <rPh sb="0" eb="1">
      <t>ワ</t>
    </rPh>
    <rPh sb="1" eb="2">
      <t>レキ</t>
    </rPh>
    <phoneticPr fontId="3"/>
  </si>
  <si>
    <t>常住</t>
    <rPh sb="0" eb="2">
      <t>ジョウジュウ</t>
    </rPh>
    <phoneticPr fontId="3"/>
  </si>
  <si>
    <t>流入人口</t>
    <phoneticPr fontId="3"/>
  </si>
  <si>
    <t>流出人口</t>
    <rPh sb="0" eb="1">
      <t>リュウニュウ</t>
    </rPh>
    <rPh sb="1" eb="2">
      <t>シュツ</t>
    </rPh>
    <phoneticPr fontId="3"/>
  </si>
  <si>
    <t>差引</t>
    <rPh sb="0" eb="2">
      <t>サシヒキ</t>
    </rPh>
    <phoneticPr fontId="3"/>
  </si>
  <si>
    <t>昼間</t>
    <rPh sb="0" eb="2">
      <t>ヒルマ</t>
    </rPh>
    <phoneticPr fontId="3"/>
  </si>
  <si>
    <t>総数</t>
    <rPh sb="0" eb="2">
      <t>ソウスウ</t>
    </rPh>
    <phoneticPr fontId="3"/>
  </si>
  <si>
    <t>通勤</t>
    <rPh sb="0" eb="2">
      <t>ツウキン</t>
    </rPh>
    <phoneticPr fontId="3"/>
  </si>
  <si>
    <t>通学</t>
    <rPh sb="0" eb="2">
      <t>ツウガク</t>
    </rPh>
    <phoneticPr fontId="3"/>
  </si>
  <si>
    <t>流入率</t>
    <rPh sb="0" eb="2">
      <t>リュウニュウ</t>
    </rPh>
    <rPh sb="2" eb="3">
      <t>リツ</t>
    </rPh>
    <phoneticPr fontId="3"/>
  </si>
  <si>
    <t>流出率</t>
    <rPh sb="0" eb="1">
      <t>リュウニュウ</t>
    </rPh>
    <rPh sb="1" eb="2">
      <t>デ</t>
    </rPh>
    <rPh sb="2" eb="3">
      <t>リツ</t>
    </rPh>
    <phoneticPr fontId="3"/>
  </si>
  <si>
    <t>増減</t>
    <rPh sb="0" eb="2">
      <t>ゾウゲン</t>
    </rPh>
    <phoneticPr fontId="3"/>
  </si>
  <si>
    <t>人口</t>
    <rPh sb="0" eb="2">
      <t>ジンコウ</t>
    </rPh>
    <phoneticPr fontId="3"/>
  </si>
  <si>
    <t>人口率</t>
    <rPh sb="0" eb="2">
      <t>ジンコウ</t>
    </rPh>
    <rPh sb="2" eb="3">
      <t>リツ</t>
    </rPh>
    <phoneticPr fontId="3"/>
  </si>
  <si>
    <t>(B)/(A)</t>
    <phoneticPr fontId="3"/>
  </si>
  <si>
    <t>(C)/(A)</t>
    <phoneticPr fontId="3"/>
  </si>
  <si>
    <t>(B)-(C)=(D)</t>
    <phoneticPr fontId="3"/>
  </si>
  <si>
    <t>(A)+(D)=(E)</t>
    <phoneticPr fontId="3"/>
  </si>
  <si>
    <t>(E)/(A)</t>
    <phoneticPr fontId="3"/>
  </si>
  <si>
    <t>(A)</t>
    <phoneticPr fontId="3"/>
  </si>
  <si>
    <t>(B)</t>
    <phoneticPr fontId="3"/>
  </si>
  <si>
    <t>％</t>
    <phoneticPr fontId="3"/>
  </si>
  <si>
    <t>(C)</t>
    <phoneticPr fontId="3"/>
  </si>
  <si>
    <t>％</t>
    <phoneticPr fontId="3"/>
  </si>
  <si>
    <t>昭和４０年</t>
    <rPh sb="0" eb="2">
      <t>ショウワ</t>
    </rPh>
    <rPh sb="4" eb="5">
      <t>ネン</t>
    </rPh>
    <phoneticPr fontId="3"/>
  </si>
  <si>
    <t>石狩町</t>
    <rPh sb="0" eb="2">
      <t>イシカリ</t>
    </rPh>
    <rPh sb="2" eb="3">
      <t>チョウ</t>
    </rPh>
    <phoneticPr fontId="2"/>
  </si>
  <si>
    <t>厚田村</t>
    <rPh sb="0" eb="2">
      <t>ア</t>
    </rPh>
    <rPh sb="2" eb="3">
      <t>ムラ</t>
    </rPh>
    <phoneticPr fontId="2"/>
  </si>
  <si>
    <t>浜益村</t>
    <rPh sb="0" eb="2">
      <t>ｈ</t>
    </rPh>
    <rPh sb="2" eb="3">
      <t>ムラ</t>
    </rPh>
    <phoneticPr fontId="2"/>
  </si>
  <si>
    <t>昭和４５年</t>
    <rPh sb="0" eb="2">
      <t>ショウワ</t>
    </rPh>
    <rPh sb="4" eb="5">
      <t>ネン</t>
    </rPh>
    <phoneticPr fontId="3"/>
  </si>
  <si>
    <t>昭和５０年</t>
    <rPh sb="0" eb="2">
      <t>ｓ</t>
    </rPh>
    <rPh sb="4" eb="5">
      <t>ネン</t>
    </rPh>
    <phoneticPr fontId="3"/>
  </si>
  <si>
    <t>昭和５５年</t>
    <rPh sb="0" eb="2">
      <t>ｓ</t>
    </rPh>
    <rPh sb="4" eb="5">
      <t>ネン</t>
    </rPh>
    <phoneticPr fontId="3"/>
  </si>
  <si>
    <t>昭和６０年</t>
    <rPh sb="0" eb="2">
      <t>ｓ</t>
    </rPh>
    <rPh sb="4" eb="5">
      <t>ネン</t>
    </rPh>
    <phoneticPr fontId="3"/>
  </si>
  <si>
    <t>平成　２年</t>
    <rPh sb="0" eb="2">
      <t>ヘイセイ</t>
    </rPh>
    <rPh sb="4" eb="5">
      <t>ネン</t>
    </rPh>
    <phoneticPr fontId="3"/>
  </si>
  <si>
    <t>平成　７年</t>
    <rPh sb="0" eb="2">
      <t>ｈ</t>
    </rPh>
    <rPh sb="4" eb="5">
      <t>ネン</t>
    </rPh>
    <phoneticPr fontId="3"/>
  </si>
  <si>
    <t>平成１２年</t>
    <rPh sb="0" eb="2">
      <t>ｈ</t>
    </rPh>
    <rPh sb="4" eb="5">
      <t>ネン</t>
    </rPh>
    <phoneticPr fontId="3"/>
  </si>
  <si>
    <t>石狩市</t>
    <rPh sb="0" eb="3">
      <t>イ</t>
    </rPh>
    <phoneticPr fontId="2"/>
  </si>
  <si>
    <t>平成１７年</t>
    <rPh sb="0" eb="2">
      <t>ｈ</t>
    </rPh>
    <rPh sb="4" eb="5">
      <t>ネン</t>
    </rPh>
    <phoneticPr fontId="3"/>
  </si>
  <si>
    <t>厚田区</t>
    <rPh sb="0" eb="2">
      <t>ア</t>
    </rPh>
    <rPh sb="2" eb="3">
      <t>ク</t>
    </rPh>
    <phoneticPr fontId="2"/>
  </si>
  <si>
    <t>浜益区</t>
    <rPh sb="0" eb="2">
      <t>ｈ</t>
    </rPh>
    <rPh sb="2" eb="3">
      <t>ク</t>
    </rPh>
    <phoneticPr fontId="2"/>
  </si>
  <si>
    <t>平成２２年</t>
    <rPh sb="0" eb="2">
      <t>ｈ</t>
    </rPh>
    <rPh sb="4" eb="5">
      <t>ネン</t>
    </rPh>
    <phoneticPr fontId="3"/>
  </si>
  <si>
    <t>平成２７年</t>
    <rPh sb="0" eb="2">
      <t>ｈ</t>
    </rPh>
    <rPh sb="4" eb="5">
      <t>ネン</t>
    </rPh>
    <phoneticPr fontId="3"/>
  </si>
  <si>
    <t>令和２年</t>
    <rPh sb="0" eb="2">
      <t>レイワ</t>
    </rPh>
    <rPh sb="3" eb="4">
      <t>ネ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0000&quot;年&quot;"/>
    <numFmt numFmtId="177" formatCode="0.00_);[Red]\(0.00\)"/>
    <numFmt numFmtId="178" formatCode="#,##0;&quot;△ &quot;#,##0"/>
  </numFmts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6"/>
      <name val="ＭＳ Ｐ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68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hair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thin">
        <color indexed="64"/>
      </left>
      <right style="medium">
        <color indexed="64"/>
      </right>
      <top/>
      <bottom style="hair">
        <color indexed="64"/>
      </bottom>
      <diagonal/>
    </border>
    <border>
      <left style="medium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 style="medium">
        <color indexed="64"/>
      </right>
      <top style="hair">
        <color indexed="64"/>
      </top>
      <bottom/>
      <diagonal/>
    </border>
    <border>
      <left style="medium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</borders>
  <cellStyleXfs count="2">
    <xf numFmtId="0" fontId="0" fillId="0" borderId="0"/>
    <xf numFmtId="9" fontId="1" fillId="0" borderId="0" applyFont="0" applyFill="0" applyBorder="0" applyAlignment="0" applyProtection="0"/>
  </cellStyleXfs>
  <cellXfs count="98">
    <xf numFmtId="0" fontId="0" fillId="0" borderId="0" xfId="0"/>
    <xf numFmtId="0" fontId="0" fillId="0" borderId="3" xfId="0" applyFill="1" applyBorder="1" applyAlignment="1">
      <alignment horizontal="center" vertical="center"/>
    </xf>
    <xf numFmtId="0" fontId="0" fillId="0" borderId="4" xfId="0" applyFill="1" applyBorder="1" applyAlignment="1">
      <alignment horizontal="distributed" vertical="center"/>
    </xf>
    <xf numFmtId="0" fontId="0" fillId="0" borderId="8" xfId="0" applyFill="1" applyBorder="1" applyAlignment="1">
      <alignment horizontal="distributed" vertical="center"/>
    </xf>
    <xf numFmtId="0" fontId="0" fillId="0" borderId="0" xfId="0" applyFill="1"/>
    <xf numFmtId="0" fontId="0" fillId="0" borderId="11" xfId="0" applyFill="1" applyBorder="1" applyAlignment="1">
      <alignment horizontal="center" vertical="center"/>
    </xf>
    <xf numFmtId="0" fontId="0" fillId="0" borderId="12" xfId="0" applyFill="1" applyBorder="1" applyAlignment="1">
      <alignment horizontal="distributed"/>
    </xf>
    <xf numFmtId="0" fontId="0" fillId="0" borderId="13" xfId="0" applyNumberFormat="1" applyFill="1" applyBorder="1" applyAlignment="1">
      <alignment horizontal="distributed"/>
    </xf>
    <xf numFmtId="0" fontId="0" fillId="0" borderId="10" xfId="0" applyFill="1" applyBorder="1" applyAlignment="1">
      <alignment horizontal="distributed"/>
    </xf>
    <xf numFmtId="0" fontId="0" fillId="0" borderId="15" xfId="0" applyFill="1" applyBorder="1" applyAlignment="1">
      <alignment horizontal="distributed"/>
    </xf>
    <xf numFmtId="0" fontId="0" fillId="0" borderId="16" xfId="0" applyFill="1" applyBorder="1" applyAlignment="1">
      <alignment horizontal="distributed"/>
    </xf>
    <xf numFmtId="0" fontId="0" fillId="0" borderId="17" xfId="0" applyFill="1" applyBorder="1"/>
    <xf numFmtId="0" fontId="4" fillId="0" borderId="10" xfId="0" applyFont="1" applyFill="1" applyBorder="1" applyAlignment="1">
      <alignment horizontal="distributed"/>
    </xf>
    <xf numFmtId="0" fontId="4" fillId="0" borderId="10" xfId="0" applyFont="1" applyFill="1" applyBorder="1" applyAlignment="1">
      <alignment horizontal="center"/>
    </xf>
    <xf numFmtId="0" fontId="4" fillId="0" borderId="16" xfId="0" applyFont="1" applyFill="1" applyBorder="1" applyAlignment="1">
      <alignment horizontal="center"/>
    </xf>
    <xf numFmtId="0" fontId="0" fillId="0" borderId="21" xfId="0" applyFill="1" applyBorder="1" applyAlignment="1">
      <alignment horizontal="center" vertical="center"/>
    </xf>
    <xf numFmtId="0" fontId="4" fillId="0" borderId="22" xfId="0" applyFont="1" applyFill="1" applyBorder="1" applyAlignment="1">
      <alignment horizontal="distributed" vertical="center"/>
    </xf>
    <xf numFmtId="0" fontId="4" fillId="0" borderId="23" xfId="0" applyFont="1" applyFill="1" applyBorder="1" applyAlignment="1">
      <alignment horizontal="center" vertical="center"/>
    </xf>
    <xf numFmtId="0" fontId="0" fillId="0" borderId="20" xfId="0" applyFill="1" applyBorder="1" applyAlignment="1">
      <alignment horizontal="right" vertical="center"/>
    </xf>
    <xf numFmtId="0" fontId="0" fillId="0" borderId="25" xfId="0" applyFill="1" applyBorder="1" applyAlignment="1">
      <alignment horizontal="right" vertical="center"/>
    </xf>
    <xf numFmtId="0" fontId="0" fillId="0" borderId="28" xfId="0" applyFill="1" applyBorder="1" applyAlignment="1">
      <alignment horizontal="center" vertical="center"/>
    </xf>
    <xf numFmtId="3" fontId="0" fillId="0" borderId="29" xfId="0" applyNumberFormat="1" applyFill="1" applyBorder="1" applyAlignment="1">
      <alignment vertical="center"/>
    </xf>
    <xf numFmtId="3" fontId="0" fillId="0" borderId="30" xfId="0" applyNumberFormat="1" applyFill="1" applyBorder="1" applyAlignment="1">
      <alignment vertical="center"/>
    </xf>
    <xf numFmtId="3" fontId="0" fillId="0" borderId="31" xfId="0" applyNumberFormat="1" applyFill="1" applyBorder="1" applyAlignment="1">
      <alignment vertical="center"/>
    </xf>
    <xf numFmtId="177" fontId="0" fillId="0" borderId="27" xfId="1" applyNumberFormat="1" applyFont="1" applyFill="1" applyBorder="1" applyAlignment="1">
      <alignment vertical="center"/>
    </xf>
    <xf numFmtId="178" fontId="0" fillId="0" borderId="29" xfId="0" applyNumberFormat="1" applyFill="1" applyBorder="1" applyAlignment="1">
      <alignment vertical="center"/>
    </xf>
    <xf numFmtId="39" fontId="0" fillId="0" borderId="32" xfId="0" applyNumberFormat="1" applyFill="1" applyBorder="1" applyAlignment="1">
      <alignment vertical="center"/>
    </xf>
    <xf numFmtId="176" fontId="0" fillId="0" borderId="33" xfId="0" applyNumberFormat="1" applyFill="1" applyBorder="1" applyAlignment="1">
      <alignment horizontal="center" vertical="center"/>
    </xf>
    <xf numFmtId="0" fontId="0" fillId="0" borderId="34" xfId="0" applyFill="1" applyBorder="1" applyAlignment="1">
      <alignment horizontal="center" vertical="center"/>
    </xf>
    <xf numFmtId="0" fontId="0" fillId="0" borderId="35" xfId="0" applyFill="1" applyBorder="1" applyAlignment="1">
      <alignment horizontal="center" vertical="center"/>
    </xf>
    <xf numFmtId="3" fontId="0" fillId="0" borderId="36" xfId="0" applyNumberFormat="1" applyFill="1" applyBorder="1" applyAlignment="1">
      <alignment vertical="center"/>
    </xf>
    <xf numFmtId="3" fontId="0" fillId="0" borderId="37" xfId="0" applyNumberFormat="1" applyFill="1" applyBorder="1" applyAlignment="1">
      <alignment vertical="center"/>
    </xf>
    <xf numFmtId="3" fontId="0" fillId="0" borderId="38" xfId="0" applyNumberFormat="1" applyFill="1" applyBorder="1" applyAlignment="1">
      <alignment vertical="center"/>
    </xf>
    <xf numFmtId="177" fontId="0" fillId="0" borderId="34" xfId="1" applyNumberFormat="1" applyFont="1" applyFill="1" applyBorder="1" applyAlignment="1">
      <alignment vertical="center"/>
    </xf>
    <xf numFmtId="178" fontId="0" fillId="0" borderId="36" xfId="0" applyNumberFormat="1" applyFill="1" applyBorder="1" applyAlignment="1">
      <alignment vertical="center"/>
    </xf>
    <xf numFmtId="39" fontId="0" fillId="0" borderId="39" xfId="0" applyNumberFormat="1" applyFill="1" applyBorder="1" applyAlignment="1">
      <alignment vertical="center"/>
    </xf>
    <xf numFmtId="176" fontId="0" fillId="0" borderId="40" xfId="0" applyNumberFormat="1" applyFill="1" applyBorder="1" applyAlignment="1">
      <alignment horizontal="center" vertical="center"/>
    </xf>
    <xf numFmtId="0" fontId="0" fillId="0" borderId="41" xfId="0" applyFill="1" applyBorder="1" applyAlignment="1">
      <alignment horizontal="center" vertical="center"/>
    </xf>
    <xf numFmtId="0" fontId="0" fillId="0" borderId="42" xfId="0" applyFill="1" applyBorder="1" applyAlignment="1">
      <alignment horizontal="center" vertical="center"/>
    </xf>
    <xf numFmtId="3" fontId="0" fillId="0" borderId="43" xfId="0" applyNumberFormat="1" applyFill="1" applyBorder="1" applyAlignment="1">
      <alignment vertical="center"/>
    </xf>
    <xf numFmtId="3" fontId="0" fillId="0" borderId="44" xfId="0" applyNumberFormat="1" applyFill="1" applyBorder="1" applyAlignment="1">
      <alignment vertical="center"/>
    </xf>
    <xf numFmtId="3" fontId="0" fillId="0" borderId="45" xfId="0" applyNumberFormat="1" applyFill="1" applyBorder="1" applyAlignment="1">
      <alignment vertical="center"/>
    </xf>
    <xf numFmtId="177" fontId="0" fillId="0" borderId="41" xfId="1" applyNumberFormat="1" applyFont="1" applyFill="1" applyBorder="1" applyAlignment="1">
      <alignment vertical="center"/>
    </xf>
    <xf numFmtId="178" fontId="0" fillId="0" borderId="43" xfId="0" applyNumberFormat="1" applyFill="1" applyBorder="1" applyAlignment="1">
      <alignment vertical="center"/>
    </xf>
    <xf numFmtId="39" fontId="0" fillId="0" borderId="46" xfId="0" applyNumberFormat="1" applyFill="1" applyBorder="1" applyAlignment="1">
      <alignment vertical="center"/>
    </xf>
    <xf numFmtId="176" fontId="0" fillId="0" borderId="47" xfId="0" applyNumberFormat="1" applyFill="1" applyBorder="1" applyAlignment="1">
      <alignment horizontal="center" vertical="center"/>
    </xf>
    <xf numFmtId="0" fontId="0" fillId="0" borderId="48" xfId="0" applyFill="1" applyBorder="1" applyAlignment="1">
      <alignment horizontal="center" vertical="center"/>
    </xf>
    <xf numFmtId="0" fontId="0" fillId="0" borderId="49" xfId="0" applyFill="1" applyBorder="1" applyAlignment="1">
      <alignment horizontal="center" vertical="center"/>
    </xf>
    <xf numFmtId="3" fontId="0" fillId="0" borderId="50" xfId="0" applyNumberFormat="1" applyFill="1" applyBorder="1" applyAlignment="1">
      <alignment vertical="center"/>
    </xf>
    <xf numFmtId="3" fontId="0" fillId="0" borderId="51" xfId="0" applyNumberFormat="1" applyFill="1" applyBorder="1" applyAlignment="1">
      <alignment vertical="center"/>
    </xf>
    <xf numFmtId="3" fontId="0" fillId="0" borderId="52" xfId="0" applyNumberFormat="1" applyFill="1" applyBorder="1" applyAlignment="1">
      <alignment vertical="center"/>
    </xf>
    <xf numFmtId="177" fontId="0" fillId="0" borderId="48" xfId="1" applyNumberFormat="1" applyFont="1" applyFill="1" applyBorder="1" applyAlignment="1">
      <alignment vertical="center"/>
    </xf>
    <xf numFmtId="178" fontId="0" fillId="0" borderId="50" xfId="0" applyNumberFormat="1" applyFill="1" applyBorder="1" applyAlignment="1">
      <alignment vertical="center"/>
    </xf>
    <xf numFmtId="37" fontId="0" fillId="0" borderId="50" xfId="0" applyNumberFormat="1" applyFill="1" applyBorder="1" applyAlignment="1">
      <alignment vertical="center"/>
    </xf>
    <xf numFmtId="39" fontId="0" fillId="0" borderId="53" xfId="0" applyNumberFormat="1" applyFill="1" applyBorder="1" applyAlignment="1">
      <alignment vertical="center"/>
    </xf>
    <xf numFmtId="37" fontId="0" fillId="0" borderId="36" xfId="0" applyNumberFormat="1" applyFill="1" applyBorder="1" applyAlignment="1">
      <alignment vertical="center"/>
    </xf>
    <xf numFmtId="0" fontId="0" fillId="0" borderId="56" xfId="0" applyFill="1" applyBorder="1" applyAlignment="1">
      <alignment horizontal="center" vertical="center"/>
    </xf>
    <xf numFmtId="3" fontId="0" fillId="0" borderId="57" xfId="0" applyNumberFormat="1" applyFill="1" applyBorder="1" applyAlignment="1">
      <alignment vertical="center"/>
    </xf>
    <xf numFmtId="3" fontId="0" fillId="0" borderId="58" xfId="0" applyNumberFormat="1" applyFill="1" applyBorder="1" applyAlignment="1">
      <alignment vertical="center"/>
    </xf>
    <xf numFmtId="3" fontId="0" fillId="0" borderId="59" xfId="0" applyNumberFormat="1" applyFill="1" applyBorder="1" applyAlignment="1">
      <alignment vertical="center"/>
    </xf>
    <xf numFmtId="177" fontId="0" fillId="0" borderId="55" xfId="1" applyNumberFormat="1" applyFont="1" applyFill="1" applyBorder="1" applyAlignment="1">
      <alignment vertical="center"/>
    </xf>
    <xf numFmtId="178" fontId="0" fillId="0" borderId="57" xfId="0" applyNumberFormat="1" applyFill="1" applyBorder="1" applyAlignment="1">
      <alignment vertical="center"/>
    </xf>
    <xf numFmtId="37" fontId="0" fillId="0" borderId="57" xfId="0" applyNumberFormat="1" applyFill="1" applyBorder="1" applyAlignment="1">
      <alignment vertical="center"/>
    </xf>
    <xf numFmtId="39" fontId="0" fillId="0" borderId="60" xfId="0" applyNumberFormat="1" applyFill="1" applyBorder="1" applyAlignment="1">
      <alignment vertical="center"/>
    </xf>
    <xf numFmtId="176" fontId="0" fillId="0" borderId="61" xfId="0" applyNumberFormat="1" applyFill="1" applyBorder="1" applyAlignment="1">
      <alignment horizontal="center" vertical="center"/>
    </xf>
    <xf numFmtId="0" fontId="0" fillId="0" borderId="62" xfId="0" applyFill="1" applyBorder="1" applyAlignment="1">
      <alignment horizontal="center" vertical="center"/>
    </xf>
    <xf numFmtId="0" fontId="0" fillId="0" borderId="63" xfId="0" applyFill="1" applyBorder="1" applyAlignment="1">
      <alignment horizontal="center" vertical="center"/>
    </xf>
    <xf numFmtId="3" fontId="0" fillId="0" borderId="64" xfId="0" applyNumberFormat="1" applyFill="1" applyBorder="1" applyAlignment="1">
      <alignment vertical="center"/>
    </xf>
    <xf numFmtId="3" fontId="0" fillId="0" borderId="65" xfId="0" applyNumberFormat="1" applyFill="1" applyBorder="1" applyAlignment="1">
      <alignment vertical="center"/>
    </xf>
    <xf numFmtId="3" fontId="0" fillId="0" borderId="66" xfId="0" applyNumberFormat="1" applyFill="1" applyBorder="1" applyAlignment="1">
      <alignment vertical="center"/>
    </xf>
    <xf numFmtId="177" fontId="0" fillId="0" borderId="62" xfId="1" applyNumberFormat="1" applyFont="1" applyFill="1" applyBorder="1" applyAlignment="1">
      <alignment vertical="center"/>
    </xf>
    <xf numFmtId="178" fontId="0" fillId="0" borderId="64" xfId="0" applyNumberFormat="1" applyFill="1" applyBorder="1" applyAlignment="1">
      <alignment vertical="center"/>
    </xf>
    <xf numFmtId="39" fontId="0" fillId="0" borderId="67" xfId="0" applyNumberFormat="1" applyFill="1" applyBorder="1" applyAlignment="1">
      <alignment vertical="center"/>
    </xf>
    <xf numFmtId="0" fontId="0" fillId="0" borderId="43" xfId="0" applyFill="1" applyBorder="1" applyAlignment="1">
      <alignment horizontal="center" vertical="center"/>
    </xf>
    <xf numFmtId="0" fontId="4" fillId="0" borderId="12" xfId="0" applyFont="1" applyFill="1" applyBorder="1" applyAlignment="1">
      <alignment horizontal="center" vertical="center" wrapText="1"/>
    </xf>
    <xf numFmtId="0" fontId="0" fillId="0" borderId="22" xfId="0" applyFill="1" applyBorder="1" applyAlignment="1">
      <alignment horizontal="center" vertical="center" wrapText="1"/>
    </xf>
    <xf numFmtId="176" fontId="0" fillId="0" borderId="26" xfId="0" applyNumberFormat="1" applyFill="1" applyBorder="1" applyAlignment="1">
      <alignment horizontal="center" vertical="center"/>
    </xf>
    <xf numFmtId="176" fontId="0" fillId="0" borderId="33" xfId="0" applyNumberFormat="1" applyFill="1" applyBorder="1" applyAlignment="1">
      <alignment horizontal="center" vertical="center"/>
    </xf>
    <xf numFmtId="176" fontId="0" fillId="0" borderId="40" xfId="0" applyNumberFormat="1" applyFill="1" applyBorder="1" applyAlignment="1">
      <alignment horizontal="center" vertical="center"/>
    </xf>
    <xf numFmtId="0" fontId="0" fillId="0" borderId="27" xfId="0" applyFill="1" applyBorder="1" applyAlignment="1">
      <alignment horizontal="center" vertical="center"/>
    </xf>
    <xf numFmtId="0" fontId="0" fillId="0" borderId="34" xfId="0" applyFill="1" applyBorder="1" applyAlignment="1">
      <alignment horizontal="center" vertical="center"/>
    </xf>
    <xf numFmtId="0" fontId="0" fillId="0" borderId="41" xfId="0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0" fillId="0" borderId="9" xfId="0" applyFill="1" applyBorder="1" applyAlignment="1">
      <alignment horizontal="center" vertical="center"/>
    </xf>
    <xf numFmtId="0" fontId="0" fillId="0" borderId="19" xfId="0" applyFill="1" applyBorder="1" applyAlignment="1">
      <alignment horizontal="center" vertical="center"/>
    </xf>
    <xf numFmtId="0" fontId="0" fillId="0" borderId="2" xfId="0" applyFill="1" applyBorder="1" applyAlignment="1">
      <alignment horizontal="center" vertical="center"/>
    </xf>
    <xf numFmtId="0" fontId="0" fillId="0" borderId="10" xfId="0" applyFill="1" applyBorder="1" applyAlignment="1">
      <alignment horizontal="center" vertical="center"/>
    </xf>
    <xf numFmtId="0" fontId="0" fillId="0" borderId="20" xfId="0" applyFill="1" applyBorder="1" applyAlignment="1">
      <alignment horizontal="center" vertical="center"/>
    </xf>
    <xf numFmtId="0" fontId="0" fillId="0" borderId="5" xfId="0" applyFill="1" applyBorder="1" applyAlignment="1">
      <alignment horizontal="distributed" vertical="center"/>
    </xf>
    <xf numFmtId="0" fontId="0" fillId="0" borderId="6" xfId="0" applyFill="1" applyBorder="1" applyAlignment="1">
      <alignment horizontal="distributed" vertical="center"/>
    </xf>
    <xf numFmtId="0" fontId="0" fillId="0" borderId="7" xfId="0" applyFill="1" applyBorder="1" applyAlignment="1">
      <alignment horizontal="distributed" vertical="center"/>
    </xf>
    <xf numFmtId="0" fontId="0" fillId="0" borderId="14" xfId="0" applyFill="1" applyBorder="1" applyAlignment="1">
      <alignment horizontal="distributed" vertical="center"/>
    </xf>
    <xf numFmtId="0" fontId="0" fillId="0" borderId="18" xfId="0" applyFill="1" applyBorder="1" applyAlignment="1">
      <alignment vertical="center"/>
    </xf>
    <xf numFmtId="0" fontId="0" fillId="0" borderId="24" xfId="0" applyFill="1" applyBorder="1" applyAlignment="1">
      <alignment vertical="center"/>
    </xf>
    <xf numFmtId="176" fontId="0" fillId="0" borderId="47" xfId="0" applyNumberFormat="1" applyFill="1" applyBorder="1" applyAlignment="1">
      <alignment horizontal="center" vertical="center"/>
    </xf>
    <xf numFmtId="176" fontId="0" fillId="0" borderId="54" xfId="0" applyNumberFormat="1" applyFill="1" applyBorder="1" applyAlignment="1">
      <alignment horizontal="center" vertical="center"/>
    </xf>
    <xf numFmtId="0" fontId="0" fillId="0" borderId="48" xfId="0" applyFill="1" applyBorder="1" applyAlignment="1">
      <alignment horizontal="center" vertical="center"/>
    </xf>
    <xf numFmtId="0" fontId="0" fillId="0" borderId="55" xfId="0" applyFill="1" applyBorder="1" applyAlignment="1">
      <alignment horizontal="center" vertical="center"/>
    </xf>
  </cellXfs>
  <cellStyles count="2">
    <cellStyle name="パーセント" xfId="1" builtinId="5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O40"/>
  <sheetViews>
    <sheetView tabSelected="1" view="pageBreakPreview" zoomScaleNormal="100" zoomScaleSheetLayoutView="100" workbookViewId="0">
      <pane xSplit="2" ySplit="4" topLeftCell="C29" activePane="bottomRight" state="frozen"/>
      <selection activeCell="G9" sqref="G9"/>
      <selection pane="topRight" activeCell="G9" sqref="G9"/>
      <selection pane="bottomLeft" activeCell="G9" sqref="G9"/>
      <selection pane="bottomRight" activeCell="O39" sqref="O39"/>
    </sheetView>
  </sheetViews>
  <sheetFormatPr defaultColWidth="9" defaultRowHeight="13.2" x14ac:dyDescent="0.2"/>
  <cols>
    <col min="1" max="1" width="8.77734375" style="4" customWidth="1"/>
    <col min="2" max="3" width="11.109375" style="4" customWidth="1"/>
    <col min="4" max="4" width="10.44140625" style="4" customWidth="1"/>
    <col min="5" max="12" width="8.6640625" style="4" customWidth="1"/>
    <col min="13" max="15" width="10.44140625" style="4" customWidth="1"/>
    <col min="16" max="16384" width="9" style="4"/>
  </cols>
  <sheetData>
    <row r="1" spans="1:15" x14ac:dyDescent="0.2">
      <c r="A1" s="82" t="s">
        <v>0</v>
      </c>
      <c r="B1" s="85" t="s">
        <v>1</v>
      </c>
      <c r="C1" s="1"/>
      <c r="D1" s="2" t="s">
        <v>2</v>
      </c>
      <c r="E1" s="88" t="s">
        <v>3</v>
      </c>
      <c r="F1" s="89"/>
      <c r="G1" s="89"/>
      <c r="H1" s="90"/>
      <c r="I1" s="88" t="s">
        <v>4</v>
      </c>
      <c r="J1" s="89"/>
      <c r="K1" s="89"/>
      <c r="L1" s="90"/>
      <c r="M1" s="2" t="s">
        <v>5</v>
      </c>
      <c r="N1" s="2" t="s">
        <v>6</v>
      </c>
      <c r="O1" s="3" t="s">
        <v>6</v>
      </c>
    </row>
    <row r="2" spans="1:15" x14ac:dyDescent="0.2">
      <c r="A2" s="83"/>
      <c r="B2" s="86"/>
      <c r="C2" s="5"/>
      <c r="D2" s="6"/>
      <c r="E2" s="7" t="s">
        <v>7</v>
      </c>
      <c r="F2" s="91" t="s">
        <v>8</v>
      </c>
      <c r="G2" s="91" t="s">
        <v>9</v>
      </c>
      <c r="H2" s="8" t="s">
        <v>10</v>
      </c>
      <c r="I2" s="7" t="s">
        <v>7</v>
      </c>
      <c r="J2" s="91" t="s">
        <v>8</v>
      </c>
      <c r="K2" s="91" t="s">
        <v>9</v>
      </c>
      <c r="L2" s="9" t="s">
        <v>11</v>
      </c>
      <c r="M2" s="6" t="s">
        <v>12</v>
      </c>
      <c r="N2" s="6" t="s">
        <v>13</v>
      </c>
      <c r="O2" s="10" t="s">
        <v>14</v>
      </c>
    </row>
    <row r="3" spans="1:15" x14ac:dyDescent="0.2">
      <c r="A3" s="83"/>
      <c r="B3" s="86"/>
      <c r="C3" s="5"/>
      <c r="D3" s="6" t="s">
        <v>13</v>
      </c>
      <c r="E3" s="11"/>
      <c r="F3" s="92"/>
      <c r="G3" s="92"/>
      <c r="H3" s="12" t="s">
        <v>15</v>
      </c>
      <c r="I3" s="11"/>
      <c r="J3" s="92"/>
      <c r="K3" s="92"/>
      <c r="L3" s="13" t="s">
        <v>16</v>
      </c>
      <c r="M3" s="74" t="s">
        <v>17</v>
      </c>
      <c r="N3" s="74" t="s">
        <v>18</v>
      </c>
      <c r="O3" s="14" t="s">
        <v>19</v>
      </c>
    </row>
    <row r="4" spans="1:15" x14ac:dyDescent="0.2">
      <c r="A4" s="84"/>
      <c r="B4" s="87"/>
      <c r="C4" s="15"/>
      <c r="D4" s="16" t="s">
        <v>20</v>
      </c>
      <c r="E4" s="17" t="s">
        <v>21</v>
      </c>
      <c r="F4" s="93"/>
      <c r="G4" s="93"/>
      <c r="H4" s="18" t="s">
        <v>22</v>
      </c>
      <c r="I4" s="17" t="s">
        <v>23</v>
      </c>
      <c r="J4" s="93"/>
      <c r="K4" s="93"/>
      <c r="L4" s="18" t="s">
        <v>22</v>
      </c>
      <c r="M4" s="75"/>
      <c r="N4" s="75"/>
      <c r="O4" s="19" t="s">
        <v>24</v>
      </c>
    </row>
    <row r="5" spans="1:15" ht="27" customHeight="1" x14ac:dyDescent="0.2">
      <c r="A5" s="76">
        <v>1965</v>
      </c>
      <c r="B5" s="79" t="s">
        <v>25</v>
      </c>
      <c r="C5" s="20" t="s">
        <v>26</v>
      </c>
      <c r="D5" s="21">
        <v>8522</v>
      </c>
      <c r="E5" s="22">
        <v>81</v>
      </c>
      <c r="F5" s="23">
        <v>80</v>
      </c>
      <c r="G5" s="23">
        <v>1</v>
      </c>
      <c r="H5" s="24">
        <v>0.95</v>
      </c>
      <c r="I5" s="22">
        <v>731</v>
      </c>
      <c r="J5" s="23">
        <v>328</v>
      </c>
      <c r="K5" s="23">
        <v>403</v>
      </c>
      <c r="L5" s="24">
        <v>8.57</v>
      </c>
      <c r="M5" s="25">
        <v>-650</v>
      </c>
      <c r="N5" s="21">
        <v>7872</v>
      </c>
      <c r="O5" s="26">
        <v>92.37</v>
      </c>
    </row>
    <row r="6" spans="1:15" ht="27" customHeight="1" x14ac:dyDescent="0.2">
      <c r="A6" s="77"/>
      <c r="B6" s="80"/>
      <c r="C6" s="29" t="s">
        <v>27</v>
      </c>
      <c r="D6" s="30">
        <v>5019</v>
      </c>
      <c r="E6" s="31">
        <v>11</v>
      </c>
      <c r="F6" s="32">
        <v>9</v>
      </c>
      <c r="G6" s="32">
        <v>2</v>
      </c>
      <c r="H6" s="33">
        <v>0.21</v>
      </c>
      <c r="I6" s="31">
        <v>42</v>
      </c>
      <c r="J6" s="32">
        <v>42</v>
      </c>
      <c r="K6" s="32">
        <v>0</v>
      </c>
      <c r="L6" s="33">
        <v>0.83</v>
      </c>
      <c r="M6" s="34">
        <v>-31</v>
      </c>
      <c r="N6" s="30">
        <v>4988</v>
      </c>
      <c r="O6" s="35">
        <v>99.38</v>
      </c>
    </row>
    <row r="7" spans="1:15" ht="27" customHeight="1" x14ac:dyDescent="0.2">
      <c r="A7" s="78"/>
      <c r="B7" s="81"/>
      <c r="C7" s="38" t="s">
        <v>28</v>
      </c>
      <c r="D7" s="39">
        <v>7291</v>
      </c>
      <c r="E7" s="40">
        <v>11</v>
      </c>
      <c r="F7" s="41">
        <v>11</v>
      </c>
      <c r="G7" s="41">
        <v>0</v>
      </c>
      <c r="H7" s="42">
        <v>0.15</v>
      </c>
      <c r="I7" s="40">
        <v>535</v>
      </c>
      <c r="J7" s="41">
        <v>534</v>
      </c>
      <c r="K7" s="41">
        <v>1</v>
      </c>
      <c r="L7" s="42">
        <v>7.33</v>
      </c>
      <c r="M7" s="43">
        <v>-524</v>
      </c>
      <c r="N7" s="39">
        <v>6767</v>
      </c>
      <c r="O7" s="44">
        <v>92.81</v>
      </c>
    </row>
    <row r="8" spans="1:15" ht="27" customHeight="1" x14ac:dyDescent="0.2">
      <c r="A8" s="76">
        <v>1970</v>
      </c>
      <c r="B8" s="79" t="s">
        <v>29</v>
      </c>
      <c r="C8" s="20" t="s">
        <v>26</v>
      </c>
      <c r="D8" s="21">
        <v>10503</v>
      </c>
      <c r="E8" s="22">
        <v>214</v>
      </c>
      <c r="F8" s="23">
        <v>196</v>
      </c>
      <c r="G8" s="23">
        <v>18</v>
      </c>
      <c r="H8" s="24">
        <v>2.0299999999999998</v>
      </c>
      <c r="I8" s="22">
        <v>1909</v>
      </c>
      <c r="J8" s="23">
        <v>1318</v>
      </c>
      <c r="K8" s="23">
        <v>591</v>
      </c>
      <c r="L8" s="24">
        <v>18.170000000000002</v>
      </c>
      <c r="M8" s="25">
        <v>-1695</v>
      </c>
      <c r="N8" s="21">
        <v>8808</v>
      </c>
      <c r="O8" s="26">
        <v>83.86</v>
      </c>
    </row>
    <row r="9" spans="1:15" ht="27" customHeight="1" x14ac:dyDescent="0.2">
      <c r="A9" s="77"/>
      <c r="B9" s="80"/>
      <c r="C9" s="29" t="s">
        <v>27</v>
      </c>
      <c r="D9" s="30">
        <v>4094</v>
      </c>
      <c r="E9" s="31">
        <v>23</v>
      </c>
      <c r="F9" s="32">
        <v>23</v>
      </c>
      <c r="G9" s="32">
        <v>0</v>
      </c>
      <c r="H9" s="33">
        <v>0.56000000000000005</v>
      </c>
      <c r="I9" s="31">
        <v>104</v>
      </c>
      <c r="J9" s="32">
        <v>51</v>
      </c>
      <c r="K9" s="32">
        <v>53</v>
      </c>
      <c r="L9" s="33">
        <v>2.54</v>
      </c>
      <c r="M9" s="34">
        <v>-81</v>
      </c>
      <c r="N9" s="30">
        <v>4013</v>
      </c>
      <c r="O9" s="35">
        <v>98.02</v>
      </c>
    </row>
    <row r="10" spans="1:15" ht="27" customHeight="1" x14ac:dyDescent="0.2">
      <c r="A10" s="78"/>
      <c r="B10" s="81"/>
      <c r="C10" s="38" t="s">
        <v>28</v>
      </c>
      <c r="D10" s="39">
        <v>5890</v>
      </c>
      <c r="E10" s="40">
        <v>42</v>
      </c>
      <c r="F10" s="41">
        <v>42</v>
      </c>
      <c r="G10" s="41">
        <v>0</v>
      </c>
      <c r="H10" s="42">
        <v>0.71</v>
      </c>
      <c r="I10" s="40">
        <v>38</v>
      </c>
      <c r="J10" s="41">
        <v>38</v>
      </c>
      <c r="K10" s="41">
        <v>0</v>
      </c>
      <c r="L10" s="42">
        <v>0.64</v>
      </c>
      <c r="M10" s="43">
        <v>4</v>
      </c>
      <c r="N10" s="39">
        <v>5894</v>
      </c>
      <c r="O10" s="44">
        <v>100.06</v>
      </c>
    </row>
    <row r="11" spans="1:15" ht="27" customHeight="1" x14ac:dyDescent="0.2">
      <c r="A11" s="94">
        <v>1975</v>
      </c>
      <c r="B11" s="96" t="s">
        <v>30</v>
      </c>
      <c r="C11" s="47" t="s">
        <v>26</v>
      </c>
      <c r="D11" s="48">
        <v>16212</v>
      </c>
      <c r="E11" s="49">
        <v>925</v>
      </c>
      <c r="F11" s="50">
        <v>913</v>
      </c>
      <c r="G11" s="50">
        <v>12</v>
      </c>
      <c r="H11" s="51">
        <v>5.7</v>
      </c>
      <c r="I11" s="49">
        <v>4200</v>
      </c>
      <c r="J11" s="50">
        <v>3394</v>
      </c>
      <c r="K11" s="50">
        <v>806</v>
      </c>
      <c r="L11" s="51">
        <v>25.9</v>
      </c>
      <c r="M11" s="52">
        <v>-3275</v>
      </c>
      <c r="N11" s="53">
        <v>12937</v>
      </c>
      <c r="O11" s="54">
        <v>79.790000000000006</v>
      </c>
    </row>
    <row r="12" spans="1:15" ht="27" customHeight="1" x14ac:dyDescent="0.2">
      <c r="A12" s="77"/>
      <c r="B12" s="80"/>
      <c r="C12" s="29" t="s">
        <v>27</v>
      </c>
      <c r="D12" s="30">
        <v>3614</v>
      </c>
      <c r="E12" s="31">
        <v>102</v>
      </c>
      <c r="F12" s="32">
        <v>102</v>
      </c>
      <c r="G12" s="32">
        <v>0</v>
      </c>
      <c r="H12" s="33">
        <v>2.82</v>
      </c>
      <c r="I12" s="31">
        <v>249</v>
      </c>
      <c r="J12" s="32">
        <v>165</v>
      </c>
      <c r="K12" s="32">
        <v>84</v>
      </c>
      <c r="L12" s="33">
        <v>6.88</v>
      </c>
      <c r="M12" s="34">
        <v>-147</v>
      </c>
      <c r="N12" s="55">
        <v>3467</v>
      </c>
      <c r="O12" s="35">
        <v>95.93</v>
      </c>
    </row>
    <row r="13" spans="1:15" ht="27" customHeight="1" x14ac:dyDescent="0.2">
      <c r="A13" s="95"/>
      <c r="B13" s="97"/>
      <c r="C13" s="56" t="s">
        <v>28</v>
      </c>
      <c r="D13" s="57">
        <v>4820</v>
      </c>
      <c r="E13" s="58">
        <v>51</v>
      </c>
      <c r="F13" s="59">
        <v>48</v>
      </c>
      <c r="G13" s="59">
        <v>3</v>
      </c>
      <c r="H13" s="60">
        <v>1.05</v>
      </c>
      <c r="I13" s="58">
        <v>283</v>
      </c>
      <c r="J13" s="59">
        <v>283</v>
      </c>
      <c r="K13" s="59">
        <v>0</v>
      </c>
      <c r="L13" s="60">
        <v>5.87</v>
      </c>
      <c r="M13" s="61">
        <v>-232</v>
      </c>
      <c r="N13" s="62">
        <v>4588</v>
      </c>
      <c r="O13" s="63">
        <v>95.18</v>
      </c>
    </row>
    <row r="14" spans="1:15" ht="27" customHeight="1" x14ac:dyDescent="0.2">
      <c r="A14" s="76">
        <v>1980</v>
      </c>
      <c r="B14" s="79" t="s">
        <v>31</v>
      </c>
      <c r="C14" s="20" t="s">
        <v>26</v>
      </c>
      <c r="D14" s="21">
        <v>33575</v>
      </c>
      <c r="E14" s="22">
        <v>2441</v>
      </c>
      <c r="F14" s="23">
        <v>1881</v>
      </c>
      <c r="G14" s="23">
        <v>560</v>
      </c>
      <c r="H14" s="24">
        <v>7.27</v>
      </c>
      <c r="I14" s="22">
        <v>9722</v>
      </c>
      <c r="J14" s="23">
        <v>8371</v>
      </c>
      <c r="K14" s="23">
        <v>1351</v>
      </c>
      <c r="L14" s="24">
        <v>28.95</v>
      </c>
      <c r="M14" s="25">
        <v>-7281</v>
      </c>
      <c r="N14" s="21">
        <v>26294</v>
      </c>
      <c r="O14" s="26">
        <v>78.31</v>
      </c>
    </row>
    <row r="15" spans="1:15" ht="27" customHeight="1" x14ac:dyDescent="0.2">
      <c r="A15" s="77"/>
      <c r="B15" s="80"/>
      <c r="C15" s="29" t="s">
        <v>27</v>
      </c>
      <c r="D15" s="30">
        <v>3207</v>
      </c>
      <c r="E15" s="31">
        <v>134</v>
      </c>
      <c r="F15" s="32">
        <v>134</v>
      </c>
      <c r="G15" s="32">
        <v>0</v>
      </c>
      <c r="H15" s="33">
        <v>4.17</v>
      </c>
      <c r="I15" s="31">
        <v>392</v>
      </c>
      <c r="J15" s="32">
        <v>242</v>
      </c>
      <c r="K15" s="32">
        <v>150</v>
      </c>
      <c r="L15" s="33">
        <v>12.22</v>
      </c>
      <c r="M15" s="34">
        <v>-258</v>
      </c>
      <c r="N15" s="30">
        <v>2949</v>
      </c>
      <c r="O15" s="35">
        <v>91.95</v>
      </c>
    </row>
    <row r="16" spans="1:15" ht="27" customHeight="1" x14ac:dyDescent="0.2">
      <c r="A16" s="78"/>
      <c r="B16" s="81"/>
      <c r="C16" s="38" t="s">
        <v>28</v>
      </c>
      <c r="D16" s="39">
        <v>3977</v>
      </c>
      <c r="E16" s="40">
        <v>63</v>
      </c>
      <c r="F16" s="41">
        <v>42</v>
      </c>
      <c r="G16" s="41">
        <v>21</v>
      </c>
      <c r="H16" s="42">
        <v>1.58</v>
      </c>
      <c r="I16" s="40">
        <v>242</v>
      </c>
      <c r="J16" s="41">
        <v>241</v>
      </c>
      <c r="K16" s="41">
        <v>1</v>
      </c>
      <c r="L16" s="42">
        <v>6.08</v>
      </c>
      <c r="M16" s="43">
        <v>-179</v>
      </c>
      <c r="N16" s="39">
        <v>3798</v>
      </c>
      <c r="O16" s="44">
        <v>95.49</v>
      </c>
    </row>
    <row r="17" spans="1:15" ht="27" customHeight="1" x14ac:dyDescent="0.2">
      <c r="A17" s="76">
        <v>1985</v>
      </c>
      <c r="B17" s="79" t="s">
        <v>32</v>
      </c>
      <c r="C17" s="47" t="s">
        <v>26</v>
      </c>
      <c r="D17" s="48">
        <v>41640</v>
      </c>
      <c r="E17" s="49">
        <v>4893</v>
      </c>
      <c r="F17" s="50">
        <v>3438</v>
      </c>
      <c r="G17" s="50">
        <v>1455</v>
      </c>
      <c r="H17" s="51">
        <v>11.75</v>
      </c>
      <c r="I17" s="49">
        <v>11782</v>
      </c>
      <c r="J17" s="50">
        <v>10157</v>
      </c>
      <c r="K17" s="50">
        <v>1625</v>
      </c>
      <c r="L17" s="51">
        <v>28.29</v>
      </c>
      <c r="M17" s="52">
        <v>-6889</v>
      </c>
      <c r="N17" s="48">
        <v>34751</v>
      </c>
      <c r="O17" s="54">
        <v>83.45</v>
      </c>
    </row>
    <row r="18" spans="1:15" ht="27" customHeight="1" x14ac:dyDescent="0.2">
      <c r="A18" s="77"/>
      <c r="B18" s="80"/>
      <c r="C18" s="29" t="s">
        <v>27</v>
      </c>
      <c r="D18" s="30">
        <v>3046</v>
      </c>
      <c r="E18" s="31">
        <v>196</v>
      </c>
      <c r="F18" s="32">
        <v>196</v>
      </c>
      <c r="G18" s="32">
        <v>0</v>
      </c>
      <c r="H18" s="33">
        <v>6.43</v>
      </c>
      <c r="I18" s="31">
        <v>326</v>
      </c>
      <c r="J18" s="32">
        <v>188</v>
      </c>
      <c r="K18" s="32">
        <v>138</v>
      </c>
      <c r="L18" s="33">
        <v>10.7</v>
      </c>
      <c r="M18" s="34">
        <v>-130</v>
      </c>
      <c r="N18" s="30">
        <v>2916</v>
      </c>
      <c r="O18" s="35">
        <v>95.73</v>
      </c>
    </row>
    <row r="19" spans="1:15" ht="27" customHeight="1" x14ac:dyDescent="0.2">
      <c r="A19" s="78"/>
      <c r="B19" s="81"/>
      <c r="C19" s="73" t="s">
        <v>28</v>
      </c>
      <c r="D19" s="39">
        <v>3327</v>
      </c>
      <c r="E19" s="40">
        <v>52</v>
      </c>
      <c r="F19" s="41">
        <v>44</v>
      </c>
      <c r="G19" s="41">
        <v>8</v>
      </c>
      <c r="H19" s="42">
        <v>1.56</v>
      </c>
      <c r="I19" s="40">
        <v>174</v>
      </c>
      <c r="J19" s="41">
        <v>173</v>
      </c>
      <c r="K19" s="41">
        <v>1</v>
      </c>
      <c r="L19" s="42">
        <v>5.22</v>
      </c>
      <c r="M19" s="43">
        <v>-122</v>
      </c>
      <c r="N19" s="39">
        <v>3205</v>
      </c>
      <c r="O19" s="44">
        <v>96.33</v>
      </c>
    </row>
    <row r="20" spans="1:15" ht="27" customHeight="1" x14ac:dyDescent="0.2">
      <c r="A20" s="76">
        <v>1990</v>
      </c>
      <c r="B20" s="79" t="s">
        <v>33</v>
      </c>
      <c r="C20" s="20" t="s">
        <v>26</v>
      </c>
      <c r="D20" s="21">
        <v>47331</v>
      </c>
      <c r="E20" s="22">
        <v>8549</v>
      </c>
      <c r="F20" s="23">
        <v>6778</v>
      </c>
      <c r="G20" s="23">
        <v>1771</v>
      </c>
      <c r="H20" s="24">
        <v>18.059999999999999</v>
      </c>
      <c r="I20" s="22">
        <v>14169</v>
      </c>
      <c r="J20" s="23">
        <v>11773</v>
      </c>
      <c r="K20" s="23">
        <v>2396</v>
      </c>
      <c r="L20" s="24">
        <v>29.93</v>
      </c>
      <c r="M20" s="25">
        <v>-5620</v>
      </c>
      <c r="N20" s="21">
        <v>41711</v>
      </c>
      <c r="O20" s="26">
        <v>88.12</v>
      </c>
    </row>
    <row r="21" spans="1:15" ht="27" customHeight="1" x14ac:dyDescent="0.2">
      <c r="A21" s="77"/>
      <c r="B21" s="80"/>
      <c r="C21" s="29" t="s">
        <v>27</v>
      </c>
      <c r="D21" s="30">
        <v>3022</v>
      </c>
      <c r="E21" s="31">
        <v>312</v>
      </c>
      <c r="F21" s="32">
        <v>312</v>
      </c>
      <c r="G21" s="32">
        <v>0</v>
      </c>
      <c r="H21" s="33">
        <v>10.32</v>
      </c>
      <c r="I21" s="31">
        <v>378</v>
      </c>
      <c r="J21" s="32">
        <v>236</v>
      </c>
      <c r="K21" s="32">
        <v>142</v>
      </c>
      <c r="L21" s="33">
        <v>12.5</v>
      </c>
      <c r="M21" s="34">
        <v>-66</v>
      </c>
      <c r="N21" s="30">
        <v>2956</v>
      </c>
      <c r="O21" s="35">
        <v>97.81</v>
      </c>
    </row>
    <row r="22" spans="1:15" ht="27" customHeight="1" x14ac:dyDescent="0.2">
      <c r="A22" s="78"/>
      <c r="B22" s="81"/>
      <c r="C22" s="38" t="s">
        <v>28</v>
      </c>
      <c r="D22" s="39">
        <v>2782</v>
      </c>
      <c r="E22" s="40">
        <v>57</v>
      </c>
      <c r="F22" s="41">
        <v>56</v>
      </c>
      <c r="G22" s="41">
        <v>1</v>
      </c>
      <c r="H22" s="42">
        <v>2.04</v>
      </c>
      <c r="I22" s="40">
        <v>139</v>
      </c>
      <c r="J22" s="41">
        <v>132</v>
      </c>
      <c r="K22" s="41">
        <v>7</v>
      </c>
      <c r="L22" s="42">
        <v>4.99</v>
      </c>
      <c r="M22" s="43">
        <v>-82</v>
      </c>
      <c r="N22" s="39">
        <v>2700</v>
      </c>
      <c r="O22" s="44">
        <v>97.05</v>
      </c>
    </row>
    <row r="23" spans="1:15" ht="27" customHeight="1" x14ac:dyDescent="0.2">
      <c r="A23" s="94">
        <v>1995</v>
      </c>
      <c r="B23" s="96" t="s">
        <v>34</v>
      </c>
      <c r="C23" s="47" t="s">
        <v>26</v>
      </c>
      <c r="D23" s="48">
        <v>52207</v>
      </c>
      <c r="E23" s="49">
        <v>13731</v>
      </c>
      <c r="F23" s="50">
        <v>11727</v>
      </c>
      <c r="G23" s="50">
        <v>2004</v>
      </c>
      <c r="H23" s="51">
        <v>26.3</v>
      </c>
      <c r="I23" s="49">
        <v>16465</v>
      </c>
      <c r="J23" s="50">
        <v>13433</v>
      </c>
      <c r="K23" s="50">
        <v>3032</v>
      </c>
      <c r="L23" s="51">
        <v>31.53</v>
      </c>
      <c r="M23" s="52">
        <v>-2734</v>
      </c>
      <c r="N23" s="48">
        <v>49473</v>
      </c>
      <c r="O23" s="54">
        <v>94.76</v>
      </c>
    </row>
    <row r="24" spans="1:15" ht="27" customHeight="1" x14ac:dyDescent="0.2">
      <c r="A24" s="77"/>
      <c r="B24" s="80"/>
      <c r="C24" s="29" t="s">
        <v>27</v>
      </c>
      <c r="D24" s="30">
        <v>2947</v>
      </c>
      <c r="E24" s="31">
        <v>363</v>
      </c>
      <c r="F24" s="32">
        <v>361</v>
      </c>
      <c r="G24" s="32">
        <v>2</v>
      </c>
      <c r="H24" s="33">
        <v>12.31</v>
      </c>
      <c r="I24" s="31">
        <v>453</v>
      </c>
      <c r="J24" s="32">
        <v>357</v>
      </c>
      <c r="K24" s="32">
        <v>96</v>
      </c>
      <c r="L24" s="33">
        <v>15.37</v>
      </c>
      <c r="M24" s="34">
        <v>-90</v>
      </c>
      <c r="N24" s="30">
        <v>2857</v>
      </c>
      <c r="O24" s="35">
        <v>96.94</v>
      </c>
    </row>
    <row r="25" spans="1:15" ht="27" customHeight="1" x14ac:dyDescent="0.2">
      <c r="A25" s="95"/>
      <c r="B25" s="97"/>
      <c r="C25" s="56" t="s">
        <v>28</v>
      </c>
      <c r="D25" s="57">
        <v>2550</v>
      </c>
      <c r="E25" s="58">
        <v>52</v>
      </c>
      <c r="F25" s="59">
        <v>47</v>
      </c>
      <c r="G25" s="59">
        <v>5</v>
      </c>
      <c r="H25" s="60">
        <v>2.0299999999999998</v>
      </c>
      <c r="I25" s="58">
        <v>111</v>
      </c>
      <c r="J25" s="59">
        <v>109</v>
      </c>
      <c r="K25" s="59">
        <v>2</v>
      </c>
      <c r="L25" s="60">
        <v>4.3499999999999996</v>
      </c>
      <c r="M25" s="61">
        <v>-59</v>
      </c>
      <c r="N25" s="57">
        <v>2491</v>
      </c>
      <c r="O25" s="63">
        <v>97.68</v>
      </c>
    </row>
    <row r="26" spans="1:15" ht="27" customHeight="1" x14ac:dyDescent="0.2">
      <c r="A26" s="76">
        <v>2000</v>
      </c>
      <c r="B26" s="79" t="s">
        <v>35</v>
      </c>
      <c r="C26" s="20" t="s">
        <v>36</v>
      </c>
      <c r="D26" s="21">
        <v>54567</v>
      </c>
      <c r="E26" s="22">
        <v>14881</v>
      </c>
      <c r="F26" s="23">
        <v>13023</v>
      </c>
      <c r="G26" s="23">
        <v>1858</v>
      </c>
      <c r="H26" s="24">
        <v>27.27</v>
      </c>
      <c r="I26" s="22">
        <v>16174</v>
      </c>
      <c r="J26" s="23">
        <v>13730</v>
      </c>
      <c r="K26" s="23">
        <v>2444</v>
      </c>
      <c r="L26" s="24">
        <v>29.64</v>
      </c>
      <c r="M26" s="25">
        <v>-1293</v>
      </c>
      <c r="N26" s="21">
        <v>53274</v>
      </c>
      <c r="O26" s="26">
        <v>97.63</v>
      </c>
    </row>
    <row r="27" spans="1:15" ht="27" customHeight="1" x14ac:dyDescent="0.2">
      <c r="A27" s="77"/>
      <c r="B27" s="80"/>
      <c r="C27" s="29" t="s">
        <v>27</v>
      </c>
      <c r="D27" s="30">
        <v>2804</v>
      </c>
      <c r="E27" s="31">
        <v>381</v>
      </c>
      <c r="F27" s="32">
        <v>381</v>
      </c>
      <c r="G27" s="32">
        <v>0</v>
      </c>
      <c r="H27" s="33">
        <v>13.58</v>
      </c>
      <c r="I27" s="31">
        <v>421</v>
      </c>
      <c r="J27" s="32">
        <v>337</v>
      </c>
      <c r="K27" s="32">
        <v>84</v>
      </c>
      <c r="L27" s="33">
        <v>15.01</v>
      </c>
      <c r="M27" s="34">
        <v>-40</v>
      </c>
      <c r="N27" s="30">
        <v>2764</v>
      </c>
      <c r="O27" s="35">
        <v>98.57</v>
      </c>
    </row>
    <row r="28" spans="1:15" ht="27" customHeight="1" x14ac:dyDescent="0.2">
      <c r="A28" s="78"/>
      <c r="B28" s="81"/>
      <c r="C28" s="38" t="s">
        <v>28</v>
      </c>
      <c r="D28" s="39">
        <v>2363</v>
      </c>
      <c r="E28" s="40">
        <v>119</v>
      </c>
      <c r="F28" s="41">
        <v>116</v>
      </c>
      <c r="G28" s="41">
        <v>3</v>
      </c>
      <c r="H28" s="42">
        <v>5.03</v>
      </c>
      <c r="I28" s="40">
        <v>89</v>
      </c>
      <c r="J28" s="41">
        <v>82</v>
      </c>
      <c r="K28" s="41">
        <v>7</v>
      </c>
      <c r="L28" s="42">
        <v>3.76</v>
      </c>
      <c r="M28" s="43">
        <v>30</v>
      </c>
      <c r="N28" s="39">
        <v>2393</v>
      </c>
      <c r="O28" s="44">
        <v>101.26</v>
      </c>
    </row>
    <row r="29" spans="1:15" ht="27" customHeight="1" x14ac:dyDescent="0.2">
      <c r="A29" s="94">
        <v>2005</v>
      </c>
      <c r="B29" s="96" t="s">
        <v>37</v>
      </c>
      <c r="C29" s="47" t="s">
        <v>36</v>
      </c>
      <c r="D29" s="48">
        <v>60104</v>
      </c>
      <c r="E29" s="49">
        <v>16667</v>
      </c>
      <c r="F29" s="50">
        <v>14907</v>
      </c>
      <c r="G29" s="50">
        <v>1760</v>
      </c>
      <c r="H29" s="51">
        <v>27.73</v>
      </c>
      <c r="I29" s="49">
        <v>15513</v>
      </c>
      <c r="J29" s="50">
        <v>13578</v>
      </c>
      <c r="K29" s="50">
        <v>1935</v>
      </c>
      <c r="L29" s="51">
        <v>25.81</v>
      </c>
      <c r="M29" s="52">
        <v>1154</v>
      </c>
      <c r="N29" s="48">
        <v>61258</v>
      </c>
      <c r="O29" s="54">
        <v>101.92</v>
      </c>
    </row>
    <row r="30" spans="1:15" ht="27" customHeight="1" x14ac:dyDescent="0.2">
      <c r="A30" s="77"/>
      <c r="B30" s="80"/>
      <c r="C30" s="29" t="s">
        <v>38</v>
      </c>
      <c r="D30" s="30">
        <v>2565</v>
      </c>
      <c r="E30" s="31"/>
      <c r="F30" s="32"/>
      <c r="G30" s="32"/>
      <c r="H30" s="33"/>
      <c r="I30" s="31">
        <v>229</v>
      </c>
      <c r="J30" s="32">
        <v>180</v>
      </c>
      <c r="K30" s="32">
        <v>49</v>
      </c>
      <c r="L30" s="33">
        <v>8.92</v>
      </c>
      <c r="M30" s="34"/>
      <c r="N30" s="30"/>
      <c r="O30" s="35"/>
    </row>
    <row r="31" spans="1:15" ht="27" customHeight="1" x14ac:dyDescent="0.2">
      <c r="A31" s="95"/>
      <c r="B31" s="97"/>
      <c r="C31" s="38" t="s">
        <v>39</v>
      </c>
      <c r="D31" s="57">
        <v>1973</v>
      </c>
      <c r="E31" s="58"/>
      <c r="F31" s="59"/>
      <c r="G31" s="59"/>
      <c r="H31" s="60"/>
      <c r="I31" s="58">
        <v>41</v>
      </c>
      <c r="J31" s="59">
        <v>33</v>
      </c>
      <c r="K31" s="59">
        <v>8</v>
      </c>
      <c r="L31" s="60">
        <v>2.0699999999999998</v>
      </c>
      <c r="M31" s="61"/>
      <c r="N31" s="57"/>
      <c r="O31" s="63"/>
    </row>
    <row r="32" spans="1:15" ht="27" customHeight="1" x14ac:dyDescent="0.2">
      <c r="A32" s="76">
        <v>2010</v>
      </c>
      <c r="B32" s="79" t="s">
        <v>40</v>
      </c>
      <c r="C32" s="20" t="s">
        <v>36</v>
      </c>
      <c r="D32" s="21">
        <v>59449</v>
      </c>
      <c r="E32" s="22">
        <v>16281</v>
      </c>
      <c r="F32" s="23">
        <v>14541</v>
      </c>
      <c r="G32" s="23">
        <v>1740</v>
      </c>
      <c r="H32" s="24">
        <v>27.38</v>
      </c>
      <c r="I32" s="22">
        <v>14640</v>
      </c>
      <c r="J32" s="23">
        <v>12795</v>
      </c>
      <c r="K32" s="23">
        <v>1845</v>
      </c>
      <c r="L32" s="24">
        <v>24.62</v>
      </c>
      <c r="M32" s="25">
        <v>1641</v>
      </c>
      <c r="N32" s="21">
        <v>61090</v>
      </c>
      <c r="O32" s="26">
        <v>102.76</v>
      </c>
    </row>
    <row r="33" spans="1:15" ht="27" customHeight="1" x14ac:dyDescent="0.2">
      <c r="A33" s="77"/>
      <c r="B33" s="80"/>
      <c r="C33" s="29" t="s">
        <v>38</v>
      </c>
      <c r="D33" s="30">
        <v>2217</v>
      </c>
      <c r="E33" s="31"/>
      <c r="F33" s="32"/>
      <c r="G33" s="32"/>
      <c r="H33" s="33"/>
      <c r="I33" s="31"/>
      <c r="J33" s="32"/>
      <c r="K33" s="32"/>
      <c r="L33" s="33"/>
      <c r="M33" s="34"/>
      <c r="N33" s="30"/>
      <c r="O33" s="35"/>
    </row>
    <row r="34" spans="1:15" ht="27" customHeight="1" x14ac:dyDescent="0.2">
      <c r="A34" s="78"/>
      <c r="B34" s="81"/>
      <c r="C34" s="38" t="s">
        <v>39</v>
      </c>
      <c r="D34" s="39">
        <v>1655</v>
      </c>
      <c r="E34" s="40"/>
      <c r="F34" s="41"/>
      <c r="G34" s="41"/>
      <c r="H34" s="42"/>
      <c r="I34" s="40"/>
      <c r="J34" s="41"/>
      <c r="K34" s="41"/>
      <c r="L34" s="42"/>
      <c r="M34" s="43"/>
      <c r="N34" s="39"/>
      <c r="O34" s="44"/>
    </row>
    <row r="35" spans="1:15" ht="27" customHeight="1" x14ac:dyDescent="0.2">
      <c r="A35" s="45">
        <v>2015</v>
      </c>
      <c r="B35" s="46" t="s">
        <v>41</v>
      </c>
      <c r="C35" s="47" t="s">
        <v>36</v>
      </c>
      <c r="D35" s="48">
        <v>57436</v>
      </c>
      <c r="E35" s="49">
        <v>16504</v>
      </c>
      <c r="F35" s="50">
        <v>14806</v>
      </c>
      <c r="G35" s="50">
        <v>1698</v>
      </c>
      <c r="H35" s="51">
        <v>28.73</v>
      </c>
      <c r="I35" s="49">
        <v>13589</v>
      </c>
      <c r="J35" s="50">
        <v>12043</v>
      </c>
      <c r="K35" s="50">
        <v>1546</v>
      </c>
      <c r="L35" s="51">
        <v>23.65</v>
      </c>
      <c r="M35" s="52">
        <v>2915</v>
      </c>
      <c r="N35" s="48">
        <v>60351</v>
      </c>
      <c r="O35" s="54">
        <v>105.07</v>
      </c>
    </row>
    <row r="36" spans="1:15" ht="27" customHeight="1" x14ac:dyDescent="0.2">
      <c r="A36" s="27"/>
      <c r="B36" s="28"/>
      <c r="C36" s="29" t="s">
        <v>38</v>
      </c>
      <c r="D36" s="30">
        <v>1927</v>
      </c>
      <c r="E36" s="31"/>
      <c r="F36" s="32"/>
      <c r="G36" s="32"/>
      <c r="H36" s="33"/>
      <c r="I36" s="31"/>
      <c r="J36" s="32"/>
      <c r="K36" s="32"/>
      <c r="L36" s="33"/>
      <c r="M36" s="34"/>
      <c r="N36" s="30"/>
      <c r="O36" s="35"/>
    </row>
    <row r="37" spans="1:15" ht="27" customHeight="1" x14ac:dyDescent="0.2">
      <c r="A37" s="36"/>
      <c r="B37" s="37"/>
      <c r="C37" s="73" t="s">
        <v>39</v>
      </c>
      <c r="D37" s="39">
        <v>1328</v>
      </c>
      <c r="E37" s="58"/>
      <c r="F37" s="59"/>
      <c r="G37" s="41"/>
      <c r="H37" s="60"/>
      <c r="I37" s="58"/>
      <c r="J37" s="59"/>
      <c r="K37" s="59"/>
      <c r="L37" s="60"/>
      <c r="M37" s="43"/>
      <c r="N37" s="57"/>
      <c r="O37" s="63"/>
    </row>
    <row r="38" spans="1:15" ht="27" customHeight="1" x14ac:dyDescent="0.2">
      <c r="A38" s="45">
        <v>2020</v>
      </c>
      <c r="B38" s="46" t="s">
        <v>42</v>
      </c>
      <c r="C38" s="47" t="s">
        <v>36</v>
      </c>
      <c r="D38" s="48">
        <v>56869</v>
      </c>
      <c r="E38" s="22">
        <v>17017</v>
      </c>
      <c r="F38" s="23">
        <v>15498</v>
      </c>
      <c r="G38" s="50">
        <v>1519</v>
      </c>
      <c r="H38" s="24">
        <v>29.92</v>
      </c>
      <c r="I38" s="22">
        <v>12066</v>
      </c>
      <c r="J38" s="23">
        <v>10762</v>
      </c>
      <c r="K38" s="23">
        <v>1304</v>
      </c>
      <c r="L38" s="24">
        <v>21.22</v>
      </c>
      <c r="M38" s="52">
        <v>4951</v>
      </c>
      <c r="N38" s="21">
        <v>61820</v>
      </c>
      <c r="O38" s="26">
        <v>108.71</v>
      </c>
    </row>
    <row r="39" spans="1:15" ht="27" customHeight="1" x14ac:dyDescent="0.2">
      <c r="A39" s="27"/>
      <c r="B39" s="28"/>
      <c r="C39" s="29" t="s">
        <v>38</v>
      </c>
      <c r="D39" s="30">
        <v>1638</v>
      </c>
      <c r="E39" s="31"/>
      <c r="F39" s="32"/>
      <c r="G39" s="32"/>
      <c r="H39" s="33"/>
      <c r="I39" s="31"/>
      <c r="J39" s="32"/>
      <c r="K39" s="32"/>
      <c r="L39" s="33"/>
      <c r="M39" s="34"/>
      <c r="N39" s="30"/>
      <c r="O39" s="35"/>
    </row>
    <row r="40" spans="1:15" ht="27" customHeight="1" thickBot="1" x14ac:dyDescent="0.25">
      <c r="A40" s="64"/>
      <c r="B40" s="65"/>
      <c r="C40" s="66" t="s">
        <v>39</v>
      </c>
      <c r="D40" s="67">
        <v>1084</v>
      </c>
      <c r="E40" s="68"/>
      <c r="F40" s="69"/>
      <c r="G40" s="69"/>
      <c r="H40" s="70"/>
      <c r="I40" s="68"/>
      <c r="J40" s="69"/>
      <c r="K40" s="69"/>
      <c r="L40" s="70"/>
      <c r="M40" s="71"/>
      <c r="N40" s="67"/>
      <c r="O40" s="72"/>
    </row>
  </sheetData>
  <autoFilter ref="A4:O4" xr:uid="{00000000-0009-0000-0000-000000000000}"/>
  <mergeCells count="30">
    <mergeCell ref="A29:A31"/>
    <mergeCell ref="B29:B31"/>
    <mergeCell ref="A32:A34"/>
    <mergeCell ref="B32:B34"/>
    <mergeCell ref="A20:A22"/>
    <mergeCell ref="B20:B22"/>
    <mergeCell ref="A23:A25"/>
    <mergeCell ref="B23:B25"/>
    <mergeCell ref="A26:A28"/>
    <mergeCell ref="B26:B28"/>
    <mergeCell ref="A11:A13"/>
    <mergeCell ref="B11:B13"/>
    <mergeCell ref="A14:A16"/>
    <mergeCell ref="B14:B16"/>
    <mergeCell ref="A17:A19"/>
    <mergeCell ref="B17:B19"/>
    <mergeCell ref="M3:M4"/>
    <mergeCell ref="N3:N4"/>
    <mergeCell ref="A5:A7"/>
    <mergeCell ref="B5:B7"/>
    <mergeCell ref="A8:A10"/>
    <mergeCell ref="B8:B10"/>
    <mergeCell ref="A1:A4"/>
    <mergeCell ref="B1:B4"/>
    <mergeCell ref="E1:H1"/>
    <mergeCell ref="I1:L1"/>
    <mergeCell ref="F2:F4"/>
    <mergeCell ref="G2:G4"/>
    <mergeCell ref="J2:J4"/>
    <mergeCell ref="K2:K4"/>
  </mergeCells>
  <phoneticPr fontId="2"/>
  <pageMargins left="0.39370078740157483" right="0.39370078740157483" top="0.98425196850393704" bottom="0.59055118110236227" header="0.51181102362204722" footer="0.51181102362204722"/>
  <pageSetup paperSize="9" scale="95" orientation="landscape" horizontalDpi="300" verticalDpi="300" r:id="rId1"/>
  <headerFooter alignWithMargins="0">
    <oddHeader>&amp;L&amp;14 １３．　常住人口・昼間人口&amp;R資料：国勢調査
（各年１０月１日現在　単位:人）</oddHeader>
  </headerFooter>
  <rowBreaks count="2" manualBreakCount="2">
    <brk id="19" max="14" man="1"/>
    <brk id="34" max="14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3．常住人口・昼間人口</vt:lpstr>
      <vt:lpstr>'13．常住人口・昼間人口'!Print_Area</vt:lpstr>
      <vt:lpstr>'13．常住人口・昼間人口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作田　洋二</dc:creator>
  <cp:lastModifiedBy>Administrator</cp:lastModifiedBy>
  <cp:lastPrinted>2023-01-16T01:20:44Z</cp:lastPrinted>
  <dcterms:created xsi:type="dcterms:W3CDTF">2017-12-14T00:45:38Z</dcterms:created>
  <dcterms:modified xsi:type="dcterms:W3CDTF">2023-01-16T01:20:58Z</dcterms:modified>
</cp:coreProperties>
</file>